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3203620" w:rsidR="009000CE" w:rsidRDefault="00E55DA6" w:rsidP="00ED34AE">
                <w:pPr>
                  <w:pStyle w:val="Title"/>
                </w:pPr>
                <w:r>
                  <w:t>NSW Penalty Data Tool:</w:t>
                </w:r>
                <w:r w:rsidR="00184AA9">
                  <w:t xml:space="preserve">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2EC974D8" w14:textId="77777777" w:rsidR="00E55DA6" w:rsidRDefault="00E55DA6" w:rsidP="00E55DA6">
            <w:pPr>
              <w:pStyle w:val="Heading3"/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</w:pPr>
            <w:r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 xml:space="preserve">Brianne Byer </w:t>
            </w:r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>s5175100</w:t>
            </w:r>
          </w:p>
          <w:p w14:paraId="77B2B9B8" w14:textId="77777777" w:rsidR="00E55DA6" w:rsidRDefault="00E55DA6" w:rsidP="00E55DA6">
            <w:pPr>
              <w:pStyle w:val="Heading3"/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</w:pPr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>Wonwoo Choi s5145987</w:t>
            </w:r>
          </w:p>
          <w:p w14:paraId="0A52C59D" w14:textId="2C0FB225" w:rsidR="00677480" w:rsidRPr="00677480" w:rsidRDefault="00E55DA6" w:rsidP="00677480">
            <w:pPr>
              <w:pStyle w:val="Heading3"/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</w:pPr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>Marco Querzola s5264979</w:t>
            </w:r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609F013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2-10-09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226F4D">
                  <w:t>October 9, 2022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3120576B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</w:t>
      </w:r>
      <w:r w:rsidR="009F0E2B">
        <w:rPr>
          <w:rStyle w:val="Heading1Char"/>
          <w:b/>
        </w:rPr>
        <w:t xml:space="preserve"> – Distribution of Cases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6A3780EC" w:rsidR="00ED34AE" w:rsidRPr="00184AA9" w:rsidRDefault="00ED34AE" w:rsidP="00ED34AE">
      <w:pPr>
        <w:pStyle w:val="Heading1"/>
      </w:pPr>
      <w:r>
        <w:rPr>
          <w:rStyle w:val="Heading1Char"/>
          <w:b/>
        </w:rPr>
        <w:t xml:space="preserve">Analysis 2 </w:t>
      </w:r>
      <w:r w:rsidR="009F0E2B">
        <w:rPr>
          <w:rStyle w:val="Heading1Char"/>
          <w:b/>
        </w:rPr>
        <w:t>– Offence Code</w:t>
      </w:r>
    </w:p>
    <w:p w14:paraId="2B11177A" w14:textId="4E3DAAC3" w:rsidR="00ED34AE" w:rsidRPr="00184AA9" w:rsidRDefault="00ED34AE" w:rsidP="00ED34AE">
      <w:pPr>
        <w:pStyle w:val="Heading1"/>
      </w:pPr>
      <w:r>
        <w:rPr>
          <w:rStyle w:val="Heading1Char"/>
          <w:b/>
        </w:rPr>
        <w:t xml:space="preserve">Analysis 3 </w:t>
      </w:r>
      <w:r w:rsidR="009F0E2B">
        <w:rPr>
          <w:rStyle w:val="Heading1Char"/>
          <w:b/>
        </w:rPr>
        <w:t>– Captured by Radar or Camera</w:t>
      </w:r>
    </w:p>
    <w:p w14:paraId="49BE7F08" w14:textId="1077D3FB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4 </w:t>
      </w:r>
      <w:r w:rsidR="00DC6292">
        <w:rPr>
          <w:rStyle w:val="Heading1Char"/>
          <w:b/>
        </w:rPr>
        <w:t xml:space="preserve">– Mobile Phone Usage </w:t>
      </w:r>
    </w:p>
    <w:p w14:paraId="63C58427" w14:textId="6D523300" w:rsidR="00ED34AE" w:rsidRPr="00184AA9" w:rsidRDefault="00ED34AE" w:rsidP="00ED34AE">
      <w:pPr>
        <w:pStyle w:val="Heading1"/>
      </w:pPr>
      <w:r>
        <w:rPr>
          <w:rStyle w:val="Heading1Char"/>
          <w:b/>
        </w:rPr>
        <w:t xml:space="preserve">Analysis 5 </w:t>
      </w:r>
      <w:r w:rsidR="00DC6292">
        <w:rPr>
          <w:rStyle w:val="Heading1Char"/>
          <w:b/>
        </w:rPr>
        <w:t>– School Zone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52370D4C" w14:textId="77777777" w:rsidR="002D429B" w:rsidRDefault="002D429B">
      <w:pPr>
        <w:spacing w:after="0" w:line="240" w:lineRule="auto"/>
      </w:pPr>
      <w:r>
        <w:separator/>
      </w:r>
    </w:p>
  </w:endnote>
  <w:endnote w:type="continuationSeparator" w:id="0">
    <w:p w14:paraId="73788CAB" w14:textId="77777777" w:rsidR="002D429B" w:rsidRDefault="002D429B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3AE9277A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E55DA6">
                <w:t>NSW Penalty Data Tool: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55DA6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Brianne Byer</w:t>
              </w:r>
            </w:sdtContent>
          </w:sdt>
        </w:p>
      </w:tc>
      <w:tc>
        <w:tcPr>
          <w:tcW w:w="4675" w:type="dxa"/>
        </w:tcPr>
        <w:p w14:paraId="66753B50" w14:textId="4390387F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DC6292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47EBD8DE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E55DA6">
          <w:t>NSW Penalty Data Tool: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55DA6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Brianne Byer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7D621DC" w14:textId="77777777" w:rsidR="002D429B" w:rsidRDefault="002D429B">
      <w:pPr>
        <w:spacing w:after="0" w:line="240" w:lineRule="auto"/>
      </w:pPr>
      <w:r>
        <w:separator/>
      </w:r>
    </w:p>
  </w:footnote>
  <w:footnote w:type="continuationSeparator" w:id="0">
    <w:p w14:paraId="08BE6D90" w14:textId="77777777" w:rsidR="002D429B" w:rsidRDefault="002D429B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26F4D"/>
    <w:rsid w:val="002D4235"/>
    <w:rsid w:val="002D429B"/>
    <w:rsid w:val="00677480"/>
    <w:rsid w:val="00841FF5"/>
    <w:rsid w:val="009000CE"/>
    <w:rsid w:val="0097144C"/>
    <w:rsid w:val="009F0E2B"/>
    <w:rsid w:val="00AD07E1"/>
    <w:rsid w:val="00AE0CAF"/>
    <w:rsid w:val="00DC6292"/>
    <w:rsid w:val="00DD0ACF"/>
    <w:rsid w:val="00E55DA6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2045603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B84D8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30</TotalTime>
  <Pages>4</Pages>
  <Words>129</Words>
  <Characters>738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SW Penalty Data Tool: Executive Summary</dc:title>
  <dc:creator>Brianne Byer</dc:creator>
  <cp:keywords/>
  <cp:lastModifiedBy>Brianne Byer</cp:lastModifiedBy>
  <cp:revision>11</cp:revision>
  <dcterms:created xsi:type="dcterms:W3CDTF">2017-08-28T03:16:00Z</dcterms:created>
  <dcterms:modified xsi:type="dcterms:W3CDTF">2022-10-05T02:51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